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6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9-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9-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ollandskroo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4AF00046-2781-0F42-7399-10DCEEEA807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7578" y="4708016"/>
            <a:ext cx="2823298" cy="193678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0DC1A948-79C5-2FF1-3826-6E3BB9EC44C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0221" y="3847500"/>
            <a:ext cx="2122704" cy="145617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marL="0" indent="0">
              <a:buNone/>
              <a:defRPr/>
            </a:pP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C4D7E8CB-B58B-A347-D4F3-9262F7EB699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5</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3</cp:revision>
  <dcterms:created xsi:type="dcterms:W3CDTF">2019-07-30T10:24:44Z</dcterms:created>
  <dcterms:modified xsi:type="dcterms:W3CDTF">2024-11-29T12:51:59Z</dcterms:modified>
</cp:coreProperties>
</file>